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9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6-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6-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zwijndrech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613CD7C2-9585-BBCE-BDAC-CAC85558C4E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20522" y="4991893"/>
            <a:ext cx="2206956" cy="148748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B6063FA4-6454-E1B7-060C-C65E661176ED}"/>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84154" y="3918857"/>
            <a:ext cx="1904273" cy="128348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5-16T08:06:22Z</dcterms:modified>
</cp:coreProperties>
</file>